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802\group\002-施設Ｇ用\11_スポーツ施設管理（一般）\02_指定管理者募集手続き\R6_募集(単独募集：スポ館、武道館、西湘Ｃ)\11_募集要項\武道館\03_担当作業\"/>
    </mc:Choice>
  </mc:AlternateContent>
  <bookViews>
    <workbookView xWindow="240" yWindow="90" windowWidth="11715" windowHeight="8670"/>
  </bookViews>
  <sheets>
    <sheet name="経費積算内訳書" sheetId="3" r:id="rId1"/>
  </sheets>
  <definedNames>
    <definedName name="_xlnm.Print_Area" localSheetId="0">経費積算内訳書!$A$1:$H$68</definedName>
  </definedNames>
  <calcPr calcId="162913"/>
</workbook>
</file>

<file path=xl/sharedStrings.xml><?xml version="1.0" encoding="utf-8"?>
<sst xmlns="http://schemas.openxmlformats.org/spreadsheetml/2006/main" count="90" uniqueCount="65">
  <si>
    <t>（単位：千円）</t>
    <rPh sb="1" eb="3">
      <t>タンイ</t>
    </rPh>
    <rPh sb="4" eb="6">
      <t>センエン</t>
    </rPh>
    <phoneticPr fontId="6"/>
  </si>
  <si>
    <t>区分</t>
    <rPh sb="0" eb="2">
      <t>クブン</t>
    </rPh>
    <phoneticPr fontId="6"/>
  </si>
  <si>
    <t>利用料金収入</t>
    <rPh sb="0" eb="2">
      <t>リヨウ</t>
    </rPh>
    <rPh sb="2" eb="4">
      <t>リョウキン</t>
    </rPh>
    <rPh sb="4" eb="6">
      <t>シュウニュウ</t>
    </rPh>
    <phoneticPr fontId="6"/>
  </si>
  <si>
    <t>旅費</t>
    <rPh sb="0" eb="2">
      <t>リョヒ</t>
    </rPh>
    <phoneticPr fontId="6"/>
  </si>
  <si>
    <t>通信運搬費</t>
    <rPh sb="0" eb="2">
      <t>ツウシン</t>
    </rPh>
    <rPh sb="2" eb="4">
      <t>ウンパン</t>
    </rPh>
    <rPh sb="4" eb="5">
      <t>ヒ</t>
    </rPh>
    <phoneticPr fontId="6"/>
  </si>
  <si>
    <t>金額</t>
    <rPh sb="0" eb="2">
      <t>キンガク</t>
    </rPh>
    <phoneticPr fontId="1"/>
  </si>
  <si>
    <t>計　　　　　　　　千円</t>
    <rPh sb="0" eb="1">
      <t>ケイ</t>
    </rPh>
    <rPh sb="9" eb="11">
      <t>センエン</t>
    </rPh>
    <phoneticPr fontId="1"/>
  </si>
  <si>
    <t>小計　　　　千円</t>
    <rPh sb="0" eb="2">
      <t>ショウケイ</t>
    </rPh>
    <rPh sb="6" eb="8">
      <t>センエン</t>
    </rPh>
    <phoneticPr fontId="1"/>
  </si>
  <si>
    <t>　　　　給与</t>
    <rPh sb="4" eb="6">
      <t>キュウヨ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ヒト</t>
    </rPh>
    <rPh sb="14" eb="15">
      <t>ゲツ</t>
    </rPh>
    <rPh sb="20" eb="22">
      <t>センエン</t>
    </rPh>
    <phoneticPr fontId="1"/>
  </si>
  <si>
    <t>　　　　ボーナス等</t>
    <rPh sb="8" eb="9">
      <t>トウ</t>
    </rPh>
    <phoneticPr fontId="1"/>
  </si>
  <si>
    <t>年額　　　千円</t>
    <rPh sb="0" eb="2">
      <t>ネンガク</t>
    </rPh>
    <rPh sb="5" eb="7">
      <t>センエン</t>
    </rPh>
    <phoneticPr fontId="1"/>
  </si>
  <si>
    <t>　　イ　常勤職員</t>
    <rPh sb="4" eb="6">
      <t>ジョウキン</t>
    </rPh>
    <rPh sb="6" eb="8">
      <t>ショクイン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ジン</t>
    </rPh>
    <rPh sb="14" eb="15">
      <t>ゲツ</t>
    </rPh>
    <rPh sb="20" eb="22">
      <t>センエン</t>
    </rPh>
    <phoneticPr fontId="1"/>
  </si>
  <si>
    <t>　　ウ　非常勤職員等（アルバイト等）</t>
    <phoneticPr fontId="1"/>
  </si>
  <si>
    <t>経費積算内訳書（収支計画書）</t>
    <rPh sb="0" eb="2">
      <t>ケイヒ</t>
    </rPh>
    <rPh sb="2" eb="4">
      <t>セキサン</t>
    </rPh>
    <rPh sb="4" eb="7">
      <t>ウチワケショ</t>
    </rPh>
    <rPh sb="8" eb="10">
      <t>シュウシ</t>
    </rPh>
    <rPh sb="10" eb="12">
      <t>ケイカク</t>
    </rPh>
    <rPh sb="12" eb="13">
      <t>ショ</t>
    </rPh>
    <phoneticPr fontId="6"/>
  </si>
  <si>
    <t>内訳（具体的な積算）</t>
    <rPh sb="0" eb="2">
      <t>ウチワケ</t>
    </rPh>
    <rPh sb="3" eb="6">
      <t>グタイテキ</t>
    </rPh>
    <rPh sb="7" eb="9">
      <t>セキサン</t>
    </rPh>
    <phoneticPr fontId="1"/>
  </si>
  <si>
    <t>事務機器賃借料</t>
    <phoneticPr fontId="6"/>
  </si>
  <si>
    <t>【内訳書「人件費」】</t>
    <rPh sb="1" eb="4">
      <t>ウチワケショ</t>
    </rPh>
    <rPh sb="5" eb="8">
      <t>ジンケンヒ</t>
    </rPh>
    <phoneticPr fontId="1"/>
  </si>
  <si>
    <t>【内訳書「人件費」】のとおり</t>
    <rPh sb="1" eb="3">
      <t>ウチワケ</t>
    </rPh>
    <rPh sb="3" eb="4">
      <t>ショ</t>
    </rPh>
    <rPh sb="5" eb="8">
      <t>ジンケンヒ</t>
    </rPh>
    <phoneticPr fontId="1"/>
  </si>
  <si>
    <t>[令和○年度の収入計画]</t>
    <rPh sb="1" eb="3">
      <t>レイワ</t>
    </rPh>
    <rPh sb="4" eb="6">
      <t>ネンド</t>
    </rPh>
    <rPh sb="7" eb="9">
      <t>シュウニュウ</t>
    </rPh>
    <rPh sb="9" eb="11">
      <t>ケイカク</t>
    </rPh>
    <phoneticPr fontId="1"/>
  </si>
  <si>
    <t xml:space="preserve">[令和○年度の支出計画] </t>
    <rPh sb="1" eb="3">
      <t>レイワ</t>
    </rPh>
    <rPh sb="4" eb="6">
      <t>ネンド</t>
    </rPh>
    <rPh sb="7" eb="9">
      <t>シシュツ</t>
    </rPh>
    <rPh sb="9" eb="11">
      <t>ケイカク</t>
    </rPh>
    <phoneticPr fontId="1"/>
  </si>
  <si>
    <t>指定管理料</t>
    <rPh sb="0" eb="2">
      <t>シテイ</t>
    </rPh>
    <rPh sb="2" eb="4">
      <t>カンリ</t>
    </rPh>
    <rPh sb="4" eb="5">
      <t>リョウ</t>
    </rPh>
    <phoneticPr fontId="6"/>
  </si>
  <si>
    <t>印刷製本費</t>
    <phoneticPr fontId="6"/>
  </si>
  <si>
    <t>消耗品費</t>
    <rPh sb="0" eb="2">
      <t>ショウモウ</t>
    </rPh>
    <rPh sb="2" eb="3">
      <t>ヒン</t>
    </rPh>
    <rPh sb="3" eb="4">
      <t>ヒ</t>
    </rPh>
    <phoneticPr fontId="6"/>
  </si>
  <si>
    <t>給与・賃金等</t>
    <rPh sb="0" eb="2">
      <t>キュウヨ</t>
    </rPh>
    <rPh sb="3" eb="5">
      <t>チンギン</t>
    </rPh>
    <rPh sb="5" eb="6">
      <t>トウ</t>
    </rPh>
    <phoneticPr fontId="1"/>
  </si>
  <si>
    <t>樹木剪定費</t>
    <rPh sb="0" eb="2">
      <t>ジュモク</t>
    </rPh>
    <rPh sb="2" eb="4">
      <t>センテイ</t>
    </rPh>
    <rPh sb="4" eb="5">
      <t>ヒ</t>
    </rPh>
    <phoneticPr fontId="1"/>
  </si>
  <si>
    <t>修繕費</t>
    <rPh sb="0" eb="3">
      <t>シュウゼンヒ</t>
    </rPh>
    <phoneticPr fontId="1"/>
  </si>
  <si>
    <t>収入計</t>
    <rPh sb="0" eb="2">
      <t>シュウニュウ</t>
    </rPh>
    <rPh sb="2" eb="3">
      <t>ケイ</t>
    </rPh>
    <phoneticPr fontId="1"/>
  </si>
  <si>
    <t>収入</t>
    <rPh sb="0" eb="2">
      <t>シュウニュウ</t>
    </rPh>
    <phoneticPr fontId="1"/>
  </si>
  <si>
    <t>支出</t>
    <rPh sb="0" eb="2">
      <t>シシュツ</t>
    </rPh>
    <phoneticPr fontId="1"/>
  </si>
  <si>
    <t>人件費</t>
    <rPh sb="0" eb="3">
      <t>ジンケンヒ</t>
    </rPh>
    <phoneticPr fontId="1"/>
  </si>
  <si>
    <t>事務費</t>
    <rPh sb="0" eb="3">
      <t>ジムヒ</t>
    </rPh>
    <phoneticPr fontId="1"/>
  </si>
  <si>
    <t>管理費</t>
    <rPh sb="0" eb="3">
      <t>カンリヒ</t>
    </rPh>
    <phoneticPr fontId="1"/>
  </si>
  <si>
    <t>一般管理費</t>
    <rPh sb="0" eb="2">
      <t>イッパン</t>
    </rPh>
    <rPh sb="2" eb="5">
      <t>カンリヒ</t>
    </rPh>
    <phoneticPr fontId="6"/>
  </si>
  <si>
    <t>消費税</t>
    <rPh sb="0" eb="3">
      <t>ショウヒゼイ</t>
    </rPh>
    <phoneticPr fontId="6"/>
  </si>
  <si>
    <t>支出計</t>
    <rPh sb="0" eb="2">
      <t>シシュツ</t>
    </rPh>
    <rPh sb="2" eb="3">
      <t>ケイ</t>
    </rPh>
    <phoneticPr fontId="1"/>
  </si>
  <si>
    <t>法定福利費等</t>
    <rPh sb="0" eb="2">
      <t>ホウテイ</t>
    </rPh>
    <rPh sb="2" eb="4">
      <t>フクリ</t>
    </rPh>
    <rPh sb="4" eb="5">
      <t>ヒ</t>
    </rPh>
    <rPh sb="5" eb="6">
      <t>トウ</t>
    </rPh>
    <phoneticPr fontId="1"/>
  </si>
  <si>
    <t>（１）職員数内訳（所長　　名、常勤職員　　名、非常勤職員等（アルバイト等）　　名）</t>
    <rPh sb="3" eb="6">
      <t>ショクインスウ</t>
    </rPh>
    <rPh sb="6" eb="8">
      <t>ウチワケ</t>
    </rPh>
    <rPh sb="9" eb="11">
      <t>ショチョウ</t>
    </rPh>
    <rPh sb="13" eb="14">
      <t>メイ</t>
    </rPh>
    <rPh sb="15" eb="17">
      <t>ジョウキン</t>
    </rPh>
    <rPh sb="17" eb="19">
      <t>ショクイン</t>
    </rPh>
    <rPh sb="21" eb="22">
      <t>メイ</t>
    </rPh>
    <rPh sb="23" eb="26">
      <t>ヒジョウキン</t>
    </rPh>
    <rPh sb="26" eb="28">
      <t>ショクイン</t>
    </rPh>
    <rPh sb="28" eb="29">
      <t>トウ</t>
    </rPh>
    <rPh sb="35" eb="36">
      <t>トウ</t>
    </rPh>
    <rPh sb="39" eb="40">
      <t>メイ</t>
    </rPh>
    <phoneticPr fontId="1"/>
  </si>
  <si>
    <t>　　ア　所長</t>
    <rPh sb="4" eb="6">
      <t>ショチョウ</t>
    </rPh>
    <phoneticPr fontId="1"/>
  </si>
  <si>
    <t>（５）その他</t>
    <rPh sb="5" eb="6">
      <t>タ</t>
    </rPh>
    <phoneticPr fontId="1"/>
  </si>
  <si>
    <t>各種手当等</t>
    <rPh sb="0" eb="2">
      <t>カクシュ</t>
    </rPh>
    <rPh sb="2" eb="4">
      <t>テアテ</t>
    </rPh>
    <rPh sb="4" eb="5">
      <t>トウ</t>
    </rPh>
    <phoneticPr fontId="1"/>
  </si>
  <si>
    <t>（２）給与等</t>
    <rPh sb="3" eb="5">
      <t>キュウヨ</t>
    </rPh>
    <rPh sb="5" eb="6">
      <t>トウ</t>
    </rPh>
    <phoneticPr fontId="1"/>
  </si>
  <si>
    <t>（３）各種手当等</t>
    <rPh sb="3" eb="5">
      <t>カクシュ</t>
    </rPh>
    <rPh sb="5" eb="7">
      <t>テアテ</t>
    </rPh>
    <rPh sb="7" eb="8">
      <t>トウ</t>
    </rPh>
    <phoneticPr fontId="1"/>
  </si>
  <si>
    <t>ア　所長</t>
    <phoneticPr fontId="1"/>
  </si>
  <si>
    <t>イ　常勤職員</t>
    <phoneticPr fontId="1"/>
  </si>
  <si>
    <t>ウ　非常勤職員等（アルバイト等）</t>
    <phoneticPr fontId="1"/>
  </si>
  <si>
    <t>（４）法定福利費等</t>
    <rPh sb="3" eb="5">
      <t>ホウテイ</t>
    </rPh>
    <rPh sb="5" eb="7">
      <t>フクリ</t>
    </rPh>
    <rPh sb="7" eb="8">
      <t>ヒ</t>
    </rPh>
    <rPh sb="8" eb="9">
      <t>トウ</t>
    </rPh>
    <phoneticPr fontId="1"/>
  </si>
  <si>
    <t>電気料</t>
    <rPh sb="0" eb="2">
      <t>デンキ</t>
    </rPh>
    <rPh sb="2" eb="3">
      <t>リョウ</t>
    </rPh>
    <phoneticPr fontId="1"/>
  </si>
  <si>
    <t>ガス代</t>
    <rPh sb="2" eb="3">
      <t>ダイ</t>
    </rPh>
    <phoneticPr fontId="1"/>
  </si>
  <si>
    <t>上下水道料</t>
    <rPh sb="0" eb="2">
      <t>ジョウゲ</t>
    </rPh>
    <rPh sb="2" eb="4">
      <t>スイドウ</t>
    </rPh>
    <rPh sb="4" eb="5">
      <t>リョウ</t>
    </rPh>
    <phoneticPr fontId="1"/>
  </si>
  <si>
    <t>各種定期点検、法定点検費等</t>
    <rPh sb="0" eb="2">
      <t>カクシュ</t>
    </rPh>
    <rPh sb="2" eb="4">
      <t>テイキ</t>
    </rPh>
    <rPh sb="4" eb="6">
      <t>テンケン</t>
    </rPh>
    <rPh sb="7" eb="9">
      <t>ホウテイ</t>
    </rPh>
    <rPh sb="9" eb="11">
      <t>テンケン</t>
    </rPh>
    <rPh sb="11" eb="12">
      <t>ヒ</t>
    </rPh>
    <rPh sb="12" eb="13">
      <t>トウ</t>
    </rPh>
    <phoneticPr fontId="1"/>
  </si>
  <si>
    <t>夜間機械警備費</t>
    <rPh sb="0" eb="2">
      <t>ヤカン</t>
    </rPh>
    <rPh sb="2" eb="4">
      <t>キカイ</t>
    </rPh>
    <rPh sb="4" eb="6">
      <t>ケイビ</t>
    </rPh>
    <rPh sb="6" eb="7">
      <t>ヒ</t>
    </rPh>
    <phoneticPr fontId="1"/>
  </si>
  <si>
    <t>ガソリン料金</t>
    <rPh sb="4" eb="6">
      <t>リョウキン</t>
    </rPh>
    <phoneticPr fontId="1"/>
  </si>
  <si>
    <t>清掃料金</t>
    <rPh sb="0" eb="2">
      <t>セイソウ</t>
    </rPh>
    <rPh sb="2" eb="4">
      <t>リョウキン</t>
    </rPh>
    <phoneticPr fontId="1"/>
  </si>
  <si>
    <t>害虫駆除費</t>
    <rPh sb="0" eb="2">
      <t>ガイチュウ</t>
    </rPh>
    <rPh sb="2" eb="4">
      <t>クジョ</t>
    </rPh>
    <rPh sb="4" eb="5">
      <t>ヒ</t>
    </rPh>
    <phoneticPr fontId="1"/>
  </si>
  <si>
    <t>空調清掃費</t>
    <rPh sb="0" eb="2">
      <t>クウチョウ</t>
    </rPh>
    <rPh sb="2" eb="4">
      <t>セイソウ</t>
    </rPh>
    <rPh sb="4" eb="5">
      <t>ヒ</t>
    </rPh>
    <phoneticPr fontId="1"/>
  </si>
  <si>
    <t>廃棄物処理費</t>
    <rPh sb="0" eb="3">
      <t>ハイキブツ</t>
    </rPh>
    <rPh sb="3" eb="5">
      <t>ショリ</t>
    </rPh>
    <rPh sb="5" eb="6">
      <t>ヒ</t>
    </rPh>
    <phoneticPr fontId="1"/>
  </si>
  <si>
    <t>保守点検料</t>
    <rPh sb="0" eb="2">
      <t>ホシュ</t>
    </rPh>
    <rPh sb="2" eb="4">
      <t>テンケン</t>
    </rPh>
    <rPh sb="4" eb="5">
      <t>リョウ</t>
    </rPh>
    <phoneticPr fontId="1"/>
  </si>
  <si>
    <t>保守管理料</t>
    <rPh sb="0" eb="2">
      <t>ホシュ</t>
    </rPh>
    <rPh sb="2" eb="4">
      <t>カンリ</t>
    </rPh>
    <rPh sb="4" eb="5">
      <t>リョウ</t>
    </rPh>
    <phoneticPr fontId="1"/>
  </si>
  <si>
    <t>施設定期点検料</t>
    <rPh sb="0" eb="2">
      <t>シセツ</t>
    </rPh>
    <rPh sb="2" eb="4">
      <t>テイキ</t>
    </rPh>
    <rPh sb="4" eb="6">
      <t>テンケン</t>
    </rPh>
    <rPh sb="6" eb="7">
      <t>リョウ</t>
    </rPh>
    <phoneticPr fontId="1"/>
  </si>
  <si>
    <t>武道振興事業費</t>
    <rPh sb="0" eb="2">
      <t>ブドウ</t>
    </rPh>
    <rPh sb="2" eb="4">
      <t>シンコウ</t>
    </rPh>
    <rPh sb="4" eb="6">
      <t>ジギョウ</t>
    </rPh>
    <rPh sb="6" eb="7">
      <t>ヒ</t>
    </rPh>
    <phoneticPr fontId="1"/>
  </si>
  <si>
    <t>キャッシュレス</t>
    <phoneticPr fontId="1"/>
  </si>
  <si>
    <t>キャッシュレス関係経費</t>
    <rPh sb="7" eb="9">
      <t>カンケイ</t>
    </rPh>
    <rPh sb="9" eb="11">
      <t>ケイヒ</t>
    </rPh>
    <phoneticPr fontId="6"/>
  </si>
  <si>
    <t>武道教室講師謝金</t>
    <rPh sb="0" eb="2">
      <t>ブドウ</t>
    </rPh>
    <rPh sb="2" eb="4">
      <t>キョウシツ</t>
    </rPh>
    <rPh sb="4" eb="6">
      <t>コウシ</t>
    </rPh>
    <rPh sb="6" eb="8">
      <t>シャキン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2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u/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"/>
      <name val="ＭＳ ゴシック"/>
      <family val="3"/>
      <charset val="128"/>
    </font>
    <font>
      <sz val="10"/>
      <name val="ＭＳ 明朝"/>
      <family val="2"/>
      <charset val="128"/>
    </font>
    <font>
      <b/>
      <sz val="12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0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name val="ＭＳ ゴシック"/>
      <family val="3"/>
      <charset val="128"/>
    </font>
    <font>
      <sz val="9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93">
    <xf numFmtId="0" fontId="0" fillId="0" borderId="0" xfId="0">
      <alignment vertical="center"/>
    </xf>
    <xf numFmtId="0" fontId="2" fillId="0" borderId="0" xfId="0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9" fillId="0" borderId="0" xfId="0" applyFont="1" applyBorder="1">
      <alignment vertical="center"/>
    </xf>
    <xf numFmtId="0" fontId="12" fillId="0" borderId="0" xfId="0" applyFont="1">
      <alignment vertical="center"/>
    </xf>
    <xf numFmtId="0" fontId="8" fillId="0" borderId="0" xfId="0" applyFont="1" applyBorder="1">
      <alignment vertical="center"/>
    </xf>
    <xf numFmtId="0" fontId="12" fillId="0" borderId="0" xfId="0" applyFont="1" applyBorder="1" applyAlignment="1">
      <alignment vertical="center"/>
    </xf>
    <xf numFmtId="0" fontId="16" fillId="0" borderId="0" xfId="0" applyFont="1" applyBorder="1">
      <alignment vertical="center"/>
    </xf>
    <xf numFmtId="0" fontId="15" fillId="0" borderId="0" xfId="0" applyFont="1" applyBorder="1">
      <alignment vertical="center"/>
    </xf>
    <xf numFmtId="0" fontId="0" fillId="0" borderId="0" xfId="0" applyBorder="1" applyAlignment="1">
      <alignment vertical="center"/>
    </xf>
    <xf numFmtId="0" fontId="18" fillId="0" borderId="0" xfId="0" applyFont="1" applyFill="1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right" vertical="top"/>
    </xf>
    <xf numFmtId="0" fontId="2" fillId="0" borderId="0" xfId="1" applyFont="1" applyBorder="1">
      <alignment vertical="center"/>
    </xf>
    <xf numFmtId="0" fontId="3" fillId="0" borderId="0" xfId="1" applyFont="1" applyBorder="1">
      <alignment vertical="center"/>
    </xf>
    <xf numFmtId="0" fontId="0" fillId="0" borderId="0" xfId="0" applyBorder="1">
      <alignment vertical="center"/>
    </xf>
    <xf numFmtId="0" fontId="12" fillId="0" borderId="0" xfId="0" applyFont="1" applyBorder="1">
      <alignment vertical="center"/>
    </xf>
    <xf numFmtId="0" fontId="2" fillId="0" borderId="5" xfId="1" applyFont="1" applyBorder="1">
      <alignment vertical="center"/>
    </xf>
    <xf numFmtId="0" fontId="2" fillId="0" borderId="6" xfId="1" applyFont="1" applyBorder="1">
      <alignment vertical="center"/>
    </xf>
    <xf numFmtId="0" fontId="2" fillId="0" borderId="7" xfId="1" applyFont="1" applyBorder="1">
      <alignment vertical="center"/>
    </xf>
    <xf numFmtId="0" fontId="2" fillId="0" borderId="8" xfId="1" applyFont="1" applyBorder="1">
      <alignment vertical="center"/>
    </xf>
    <xf numFmtId="0" fontId="2" fillId="0" borderId="11" xfId="1" applyFont="1" applyBorder="1">
      <alignment vertical="center"/>
    </xf>
    <xf numFmtId="0" fontId="10" fillId="0" borderId="0" xfId="0" applyFont="1" applyBorder="1">
      <alignment vertical="center"/>
    </xf>
    <xf numFmtId="0" fontId="2" fillId="0" borderId="9" xfId="1" applyFont="1" applyBorder="1">
      <alignment vertical="center"/>
    </xf>
    <xf numFmtId="0" fontId="2" fillId="0" borderId="14" xfId="1" applyFont="1" applyBorder="1">
      <alignment vertical="center"/>
    </xf>
    <xf numFmtId="0" fontId="2" fillId="0" borderId="15" xfId="1" applyFont="1" applyBorder="1">
      <alignment vertical="center"/>
    </xf>
    <xf numFmtId="0" fontId="7" fillId="0" borderId="0" xfId="0" applyFont="1" applyAlignment="1">
      <alignment vertical="center" wrapText="1"/>
    </xf>
    <xf numFmtId="0" fontId="19" fillId="0" borderId="12" xfId="0" applyFont="1" applyBorder="1">
      <alignment vertical="center"/>
    </xf>
    <xf numFmtId="0" fontId="19" fillId="0" borderId="2" xfId="0" applyFont="1" applyBorder="1">
      <alignment vertical="center"/>
    </xf>
    <xf numFmtId="0" fontId="5" fillId="0" borderId="0" xfId="0" applyFont="1" applyAlignment="1">
      <alignment horizontal="center" vertical="center"/>
    </xf>
    <xf numFmtId="176" fontId="13" fillId="0" borderId="14" xfId="0" applyNumberFormat="1" applyFont="1" applyFill="1" applyBorder="1">
      <alignment vertical="center"/>
    </xf>
    <xf numFmtId="176" fontId="14" fillId="0" borderId="6" xfId="0" applyNumberFormat="1" applyFont="1" applyFill="1" applyBorder="1">
      <alignment vertical="center"/>
    </xf>
    <xf numFmtId="0" fontId="15" fillId="0" borderId="0" xfId="0" applyFont="1" applyBorder="1" applyAlignment="1">
      <alignment horizontal="left" vertical="center"/>
    </xf>
    <xf numFmtId="176" fontId="17" fillId="0" borderId="0" xfId="0" applyNumberFormat="1" applyFont="1" applyFill="1" applyBorder="1">
      <alignment vertical="center"/>
    </xf>
    <xf numFmtId="0" fontId="11" fillId="0" borderId="2" xfId="0" applyFont="1" applyFill="1" applyBorder="1" applyAlignment="1">
      <alignment horizontal="center" vertical="center" wrapText="1"/>
    </xf>
    <xf numFmtId="0" fontId="20" fillId="0" borderId="4" xfId="0" applyFont="1" applyBorder="1" applyAlignment="1">
      <alignment horizontal="center" vertical="center"/>
    </xf>
    <xf numFmtId="0" fontId="11" fillId="0" borderId="5" xfId="0" applyFont="1" applyBorder="1">
      <alignment vertical="center"/>
    </xf>
    <xf numFmtId="0" fontId="11" fillId="0" borderId="6" xfId="0" applyFont="1" applyBorder="1">
      <alignment vertical="center"/>
    </xf>
    <xf numFmtId="176" fontId="21" fillId="0" borderId="2" xfId="0" applyNumberFormat="1" applyFont="1" applyFill="1" applyBorder="1">
      <alignment vertical="center"/>
    </xf>
    <xf numFmtId="0" fontId="11" fillId="0" borderId="12" xfId="0" applyFont="1" applyBorder="1">
      <alignment vertical="center"/>
    </xf>
    <xf numFmtId="0" fontId="11" fillId="0" borderId="2" xfId="0" applyFont="1" applyBorder="1">
      <alignment vertical="center"/>
    </xf>
    <xf numFmtId="0" fontId="19" fillId="0" borderId="5" xfId="0" applyFont="1" applyBorder="1">
      <alignment vertical="center"/>
    </xf>
    <xf numFmtId="0" fontId="19" fillId="0" borderId="6" xfId="0" applyFont="1" applyBorder="1">
      <alignment vertical="center"/>
    </xf>
    <xf numFmtId="176" fontId="22" fillId="0" borderId="2" xfId="0" applyNumberFormat="1" applyFont="1" applyFill="1" applyBorder="1">
      <alignment vertical="center"/>
    </xf>
    <xf numFmtId="0" fontId="19" fillId="0" borderId="8" xfId="0" applyFont="1" applyBorder="1">
      <alignment vertical="center"/>
    </xf>
    <xf numFmtId="0" fontId="19" fillId="0" borderId="1" xfId="0" applyFont="1" applyBorder="1">
      <alignment vertical="center"/>
    </xf>
    <xf numFmtId="0" fontId="19" fillId="0" borderId="3" xfId="0" applyFont="1" applyBorder="1">
      <alignment vertical="center"/>
    </xf>
    <xf numFmtId="0" fontId="19" fillId="0" borderId="2" xfId="0" applyFont="1" applyBorder="1" applyAlignment="1">
      <alignment vertical="center"/>
    </xf>
    <xf numFmtId="0" fontId="19" fillId="0" borderId="0" xfId="0" applyFont="1" applyBorder="1">
      <alignment vertical="center"/>
    </xf>
    <xf numFmtId="0" fontId="19" fillId="0" borderId="12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176" fontId="22" fillId="0" borderId="12" xfId="0" applyNumberFormat="1" applyFont="1" applyFill="1" applyBorder="1">
      <alignment vertical="center"/>
    </xf>
    <xf numFmtId="0" fontId="24" fillId="0" borderId="0" xfId="0" applyFont="1" applyAlignment="1">
      <alignment horizontal="right"/>
    </xf>
    <xf numFmtId="0" fontId="25" fillId="0" borderId="0" xfId="1" applyFont="1">
      <alignment vertical="center"/>
    </xf>
    <xf numFmtId="0" fontId="26" fillId="0" borderId="2" xfId="0" applyFont="1" applyBorder="1" applyAlignment="1">
      <alignment vertical="center" wrapText="1" shrinkToFit="1"/>
    </xf>
    <xf numFmtId="0" fontId="3" fillId="0" borderId="11" xfId="1" applyFont="1" applyBorder="1">
      <alignment vertical="center"/>
    </xf>
    <xf numFmtId="0" fontId="27" fillId="0" borderId="0" xfId="0" applyFont="1" applyBorder="1">
      <alignment vertical="center"/>
    </xf>
    <xf numFmtId="0" fontId="19" fillId="0" borderId="4" xfId="0" applyFont="1" applyBorder="1" applyAlignment="1">
      <alignment vertical="center"/>
    </xf>
    <xf numFmtId="0" fontId="7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19" fillId="0" borderId="1" xfId="0" applyFont="1" applyBorder="1" applyAlignment="1">
      <alignment vertical="center" shrinkToFit="1"/>
    </xf>
    <xf numFmtId="0" fontId="23" fillId="0" borderId="4" xfId="0" applyFont="1" applyBorder="1" applyAlignment="1">
      <alignment vertical="center" shrinkToFit="1"/>
    </xf>
    <xf numFmtId="0" fontId="19" fillId="0" borderId="5" xfId="0" applyFont="1" applyBorder="1" applyAlignment="1">
      <alignment vertical="center" shrinkToFit="1"/>
    </xf>
    <xf numFmtId="0" fontId="23" fillId="0" borderId="7" xfId="0" applyFont="1" applyBorder="1" applyAlignment="1">
      <alignment vertical="center" shrinkToFit="1"/>
    </xf>
    <xf numFmtId="0" fontId="11" fillId="0" borderId="1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9" fillId="0" borderId="12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 textRotation="255"/>
    </xf>
    <xf numFmtId="0" fontId="11" fillId="0" borderId="9" xfId="0" applyFont="1" applyBorder="1" applyAlignment="1">
      <alignment horizontal="center" vertical="center" textRotation="255"/>
    </xf>
    <xf numFmtId="0" fontId="19" fillId="0" borderId="12" xfId="0" applyFont="1" applyBorder="1" applyAlignment="1">
      <alignment horizontal="center" vertical="center" textRotation="255"/>
    </xf>
    <xf numFmtId="0" fontId="19" fillId="0" borderId="10" xfId="0" applyFont="1" applyBorder="1" applyAlignment="1">
      <alignment horizontal="center" vertical="center" textRotation="255"/>
    </xf>
    <xf numFmtId="0" fontId="19" fillId="0" borderId="13" xfId="0" applyFont="1" applyBorder="1" applyAlignment="1">
      <alignment horizontal="center" vertical="center" textRotation="255"/>
    </xf>
    <xf numFmtId="0" fontId="19" fillId="0" borderId="1" xfId="0" applyFont="1" applyBorder="1" applyAlignment="1">
      <alignment horizontal="center" vertical="center"/>
    </xf>
    <xf numFmtId="0" fontId="19" fillId="0" borderId="3" xfId="0" applyFont="1" applyBorder="1" applyAlignment="1">
      <alignment horizontal="center" vertical="center"/>
    </xf>
    <xf numFmtId="0" fontId="19" fillId="0" borderId="4" xfId="0" applyFont="1" applyBorder="1" applyAlignment="1">
      <alignment horizontal="center" vertical="center"/>
    </xf>
    <xf numFmtId="0" fontId="19" fillId="0" borderId="4" xfId="0" applyFont="1" applyBorder="1" applyAlignment="1">
      <alignment vertical="center" shrinkToFit="1"/>
    </xf>
    <xf numFmtId="0" fontId="19" fillId="0" borderId="1" xfId="0" applyFont="1" applyBorder="1" applyAlignment="1">
      <alignment horizontal="left" vertical="center"/>
    </xf>
    <xf numFmtId="0" fontId="19" fillId="0" borderId="4" xfId="0" applyFont="1" applyBorder="1" applyAlignment="1">
      <alignment horizontal="left" vertical="center"/>
    </xf>
    <xf numFmtId="0" fontId="26" fillId="0" borderId="8" xfId="0" applyFont="1" applyBorder="1" applyAlignment="1">
      <alignment vertical="center"/>
    </xf>
    <xf numFmtId="0" fontId="26" fillId="0" borderId="11" xfId="0" applyFont="1" applyBorder="1" applyAlignment="1">
      <alignment vertical="center"/>
    </xf>
    <xf numFmtId="0" fontId="26" fillId="0" borderId="1" xfId="0" applyFont="1" applyBorder="1" applyAlignment="1">
      <alignment vertical="center"/>
    </xf>
    <xf numFmtId="0" fontId="26" fillId="0" borderId="4" xfId="0" applyFont="1" applyBorder="1" applyAlignment="1">
      <alignment vertical="center"/>
    </xf>
    <xf numFmtId="0" fontId="19" fillId="0" borderId="1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0" fontId="19" fillId="0" borderId="1" xfId="0" applyFont="1" applyBorder="1" applyAlignment="1">
      <alignment horizontal="left" vertical="center" shrinkToFit="1"/>
    </xf>
    <xf numFmtId="0" fontId="19" fillId="0" borderId="4" xfId="0" applyFont="1" applyBorder="1" applyAlignment="1">
      <alignment horizontal="left" vertical="center" shrinkToFit="1"/>
    </xf>
    <xf numFmtId="0" fontId="28" fillId="0" borderId="2" xfId="0" applyFont="1" applyBorder="1" applyAlignment="1">
      <alignment vertical="center" textRotation="255" wrapText="1" shrinkToFit="1"/>
    </xf>
    <xf numFmtId="0" fontId="28" fillId="0" borderId="13" xfId="0" applyFont="1" applyBorder="1" applyAlignment="1">
      <alignment vertical="center" textRotation="255" wrapText="1" shrinkToFit="1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2314575</xdr:colOff>
      <xdr:row>0</xdr:row>
      <xdr:rowOff>104775</xdr:rowOff>
    </xdr:from>
    <xdr:ext cx="819150" cy="323850"/>
    <xdr:sp macro="" textlink="">
      <xdr:nvSpPr>
        <xdr:cNvPr id="2" name="正方形/長方形 1"/>
        <xdr:cNvSpPr/>
      </xdr:nvSpPr>
      <xdr:spPr>
        <a:xfrm>
          <a:off x="5819775" y="104775"/>
          <a:ext cx="819150" cy="323850"/>
        </a:xfrm>
        <a:prstGeom prst="rect">
          <a:avLst/>
        </a:prstGeom>
        <a:solidFill>
          <a:schemeClr val="bg1"/>
        </a:solidFill>
        <a:ln w="19050" cap="sq" cmpd="sng">
          <a:noFill/>
          <a:round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400" baseline="0">
              <a:solidFill>
                <a:sysClr val="windowText" lastClr="000000"/>
              </a:solidFill>
              <a:latin typeface="+mn-ea"/>
              <a:ea typeface="+mn-ea"/>
            </a:rPr>
            <a:t>様式３</a:t>
          </a:r>
          <a:endParaRPr kumimoji="1" lang="en-US" altLang="ja-JP" sz="1400" baseline="0">
            <a:solidFill>
              <a:sysClr val="windowText" lastClr="000000"/>
            </a:solidFill>
            <a:latin typeface="+mn-ea"/>
            <a:ea typeface="+mn-ea"/>
          </a:endParaRP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J96"/>
  <sheetViews>
    <sheetView tabSelected="1" zoomScaleNormal="100" workbookViewId="0">
      <selection activeCell="D36" sqref="D36:E36"/>
    </sheetView>
  </sheetViews>
  <sheetFormatPr defaultRowHeight="13.5"/>
  <cols>
    <col min="1" max="1" width="1.625" customWidth="1"/>
    <col min="2" max="4" width="3.625" style="2" customWidth="1"/>
    <col min="5" max="5" width="17.875" style="2" customWidth="1"/>
    <col min="6" max="6" width="15.625" style="3" customWidth="1"/>
    <col min="7" max="7" width="42.625" style="6" customWidth="1"/>
    <col min="8" max="8" width="1.5" customWidth="1"/>
  </cols>
  <sheetData>
    <row r="3" spans="1:10" ht="17.25" customHeight="1">
      <c r="A3" s="60" t="s">
        <v>15</v>
      </c>
      <c r="B3" s="60"/>
      <c r="C3" s="60"/>
      <c r="D3" s="60"/>
      <c r="E3" s="60"/>
      <c r="F3" s="60"/>
      <c r="G3" s="60"/>
      <c r="H3" s="28"/>
      <c r="I3" s="28"/>
      <c r="J3" s="28"/>
    </row>
    <row r="4" spans="1:10" ht="14.25">
      <c r="A4" s="61"/>
      <c r="B4" s="61"/>
      <c r="C4" s="61"/>
      <c r="D4" s="61"/>
      <c r="E4" s="61"/>
      <c r="F4" s="61"/>
      <c r="G4" s="61"/>
    </row>
    <row r="5" spans="1:10" ht="6.6" customHeight="1">
      <c r="A5" s="31"/>
      <c r="B5" s="31"/>
      <c r="C5" s="31"/>
      <c r="D5" s="31"/>
      <c r="E5" s="31"/>
      <c r="F5" s="31"/>
      <c r="G5" s="31"/>
    </row>
    <row r="6" spans="1:10">
      <c r="A6" s="1" t="s">
        <v>20</v>
      </c>
      <c r="G6" s="54" t="s">
        <v>0</v>
      </c>
    </row>
    <row r="7" spans="1:10" ht="20.100000000000001" customHeight="1">
      <c r="A7" s="4"/>
      <c r="B7" s="66" t="s">
        <v>1</v>
      </c>
      <c r="C7" s="67"/>
      <c r="D7" s="67"/>
      <c r="E7" s="67"/>
      <c r="F7" s="36" t="s">
        <v>5</v>
      </c>
      <c r="G7" s="37" t="s">
        <v>16</v>
      </c>
      <c r="H7" s="8"/>
      <c r="I7" s="8"/>
    </row>
    <row r="8" spans="1:10" ht="21" customHeight="1">
      <c r="B8" s="72" t="s">
        <v>29</v>
      </c>
      <c r="C8" s="38" t="s">
        <v>22</v>
      </c>
      <c r="D8" s="39"/>
      <c r="E8" s="39"/>
      <c r="F8" s="40"/>
      <c r="G8" s="41"/>
      <c r="H8" s="5"/>
      <c r="I8" s="5"/>
    </row>
    <row r="9" spans="1:10" ht="21" customHeight="1">
      <c r="B9" s="73"/>
      <c r="C9" s="38" t="s">
        <v>2</v>
      </c>
      <c r="D9" s="39"/>
      <c r="E9" s="39"/>
      <c r="F9" s="40"/>
      <c r="G9" s="41"/>
      <c r="H9" s="5"/>
      <c r="I9" s="5"/>
    </row>
    <row r="10" spans="1:10" ht="21" customHeight="1">
      <c r="B10" s="66" t="s">
        <v>28</v>
      </c>
      <c r="C10" s="67"/>
      <c r="D10" s="67"/>
      <c r="E10" s="71"/>
      <c r="F10" s="40"/>
      <c r="G10" s="42"/>
      <c r="H10" s="5"/>
      <c r="I10" s="5"/>
    </row>
    <row r="11" spans="1:10" ht="14.25">
      <c r="B11" s="7"/>
      <c r="C11" s="7"/>
      <c r="D11" s="7"/>
      <c r="E11" s="7"/>
      <c r="F11" s="33"/>
      <c r="G11" s="5"/>
      <c r="H11" s="5"/>
      <c r="I11" s="5"/>
    </row>
    <row r="12" spans="1:10" ht="14.25">
      <c r="A12" s="1" t="s">
        <v>21</v>
      </c>
      <c r="B12" s="5"/>
      <c r="C12" s="5"/>
      <c r="D12" s="5"/>
      <c r="E12" s="5"/>
      <c r="F12" s="32"/>
      <c r="G12" s="54" t="s">
        <v>0</v>
      </c>
      <c r="H12" s="17"/>
    </row>
    <row r="13" spans="1:10" ht="20.100000000000001" customHeight="1">
      <c r="A13" s="4"/>
      <c r="B13" s="66" t="s">
        <v>1</v>
      </c>
      <c r="C13" s="67"/>
      <c r="D13" s="67"/>
      <c r="E13" s="67"/>
      <c r="F13" s="36" t="s">
        <v>5</v>
      </c>
      <c r="G13" s="37" t="s">
        <v>16</v>
      </c>
      <c r="H13" s="8"/>
      <c r="I13" s="8"/>
    </row>
    <row r="14" spans="1:10" ht="21" customHeight="1">
      <c r="B14" s="74" t="s">
        <v>30</v>
      </c>
      <c r="C14" s="74" t="s">
        <v>31</v>
      </c>
      <c r="D14" s="81" t="s">
        <v>25</v>
      </c>
      <c r="E14" s="82"/>
      <c r="F14" s="45"/>
      <c r="G14" s="68" t="s">
        <v>19</v>
      </c>
      <c r="H14" s="10"/>
      <c r="I14" s="10"/>
    </row>
    <row r="15" spans="1:10" ht="21" customHeight="1">
      <c r="B15" s="75"/>
      <c r="C15" s="75"/>
      <c r="D15" s="81" t="s">
        <v>41</v>
      </c>
      <c r="E15" s="82"/>
      <c r="F15" s="45"/>
      <c r="G15" s="69"/>
      <c r="H15" s="10"/>
      <c r="I15" s="10"/>
    </row>
    <row r="16" spans="1:10" ht="21" customHeight="1">
      <c r="B16" s="75"/>
      <c r="C16" s="76"/>
      <c r="D16" s="81" t="s">
        <v>37</v>
      </c>
      <c r="E16" s="82"/>
      <c r="F16" s="45"/>
      <c r="G16" s="70"/>
      <c r="H16" s="10"/>
      <c r="I16" s="10"/>
    </row>
    <row r="17" spans="2:9" ht="21" customHeight="1">
      <c r="B17" s="75"/>
      <c r="C17" s="74" t="s">
        <v>32</v>
      </c>
      <c r="D17" s="43" t="s">
        <v>3</v>
      </c>
      <c r="E17" s="44"/>
      <c r="F17" s="45"/>
      <c r="G17" s="49"/>
      <c r="H17" s="11"/>
      <c r="I17" s="9"/>
    </row>
    <row r="18" spans="2:9" ht="21" customHeight="1">
      <c r="B18" s="75"/>
      <c r="C18" s="75"/>
      <c r="D18" s="62" t="s">
        <v>24</v>
      </c>
      <c r="E18" s="63"/>
      <c r="F18" s="45"/>
      <c r="G18" s="49"/>
      <c r="H18" s="11"/>
      <c r="I18" s="9"/>
    </row>
    <row r="19" spans="2:9" ht="21" customHeight="1">
      <c r="B19" s="75"/>
      <c r="C19" s="75"/>
      <c r="D19" s="47" t="s">
        <v>4</v>
      </c>
      <c r="E19" s="48"/>
      <c r="F19" s="45"/>
      <c r="G19" s="49"/>
      <c r="H19" s="11"/>
      <c r="I19" s="9"/>
    </row>
    <row r="20" spans="2:9" ht="21" customHeight="1">
      <c r="B20" s="75"/>
      <c r="C20" s="75"/>
      <c r="D20" s="47" t="s">
        <v>23</v>
      </c>
      <c r="E20" s="50"/>
      <c r="F20" s="45"/>
      <c r="G20" s="49"/>
      <c r="H20" s="11"/>
      <c r="I20" s="9"/>
    </row>
    <row r="21" spans="2:9" ht="21" customHeight="1">
      <c r="B21" s="75"/>
      <c r="C21" s="76"/>
      <c r="D21" s="46" t="s">
        <v>17</v>
      </c>
      <c r="E21" s="48"/>
      <c r="F21" s="45"/>
      <c r="G21" s="51"/>
      <c r="H21" s="11"/>
      <c r="I21" s="9"/>
    </row>
    <row r="22" spans="2:9" ht="21" customHeight="1">
      <c r="B22" s="75"/>
      <c r="C22" s="74" t="s">
        <v>33</v>
      </c>
      <c r="D22" s="87" t="s">
        <v>48</v>
      </c>
      <c r="E22" s="88"/>
      <c r="F22" s="45"/>
      <c r="G22" s="49"/>
      <c r="H22" s="11"/>
      <c r="I22" s="9"/>
    </row>
    <row r="23" spans="2:9" ht="21" customHeight="1">
      <c r="B23" s="75"/>
      <c r="C23" s="75"/>
      <c r="D23" s="64" t="s">
        <v>49</v>
      </c>
      <c r="E23" s="65"/>
      <c r="F23" s="45"/>
      <c r="G23" s="52"/>
      <c r="H23" s="11"/>
      <c r="I23" s="9"/>
    </row>
    <row r="24" spans="2:9" ht="21" customHeight="1">
      <c r="B24" s="75"/>
      <c r="C24" s="75"/>
      <c r="D24" s="62" t="s">
        <v>50</v>
      </c>
      <c r="E24" s="80"/>
      <c r="F24" s="45"/>
      <c r="G24" s="52"/>
      <c r="H24" s="11"/>
      <c r="I24" s="9"/>
    </row>
    <row r="25" spans="2:9" ht="21" customHeight="1">
      <c r="B25" s="75"/>
      <c r="C25" s="75"/>
      <c r="D25" s="62" t="s">
        <v>53</v>
      </c>
      <c r="E25" s="80"/>
      <c r="F25" s="45"/>
      <c r="G25" s="59"/>
      <c r="H25" s="11"/>
      <c r="I25" s="9"/>
    </row>
    <row r="26" spans="2:9" ht="21" customHeight="1">
      <c r="B26" s="75"/>
      <c r="C26" s="75"/>
      <c r="D26" s="89" t="s">
        <v>54</v>
      </c>
      <c r="E26" s="90"/>
      <c r="F26" s="45"/>
      <c r="G26" s="59"/>
      <c r="H26" s="11"/>
      <c r="I26" s="9"/>
    </row>
    <row r="27" spans="2:9" ht="21" customHeight="1">
      <c r="B27" s="75"/>
      <c r="C27" s="75"/>
      <c r="D27" s="62" t="s">
        <v>55</v>
      </c>
      <c r="E27" s="80"/>
      <c r="F27" s="45"/>
      <c r="G27" s="59"/>
      <c r="H27" s="11"/>
      <c r="I27" s="9"/>
    </row>
    <row r="28" spans="2:9" ht="21" customHeight="1">
      <c r="B28" s="75"/>
      <c r="C28" s="75"/>
      <c r="D28" s="89" t="s">
        <v>56</v>
      </c>
      <c r="E28" s="90"/>
      <c r="F28" s="45"/>
      <c r="G28" s="59"/>
      <c r="H28" s="11"/>
      <c r="I28" s="9"/>
    </row>
    <row r="29" spans="2:9" ht="21" customHeight="1">
      <c r="B29" s="75"/>
      <c r="C29" s="75"/>
      <c r="D29" s="62" t="s">
        <v>57</v>
      </c>
      <c r="E29" s="80"/>
      <c r="F29" s="45"/>
      <c r="G29" s="52"/>
      <c r="H29" s="11"/>
      <c r="I29" s="9"/>
    </row>
    <row r="30" spans="2:9" ht="21" customHeight="1">
      <c r="B30" s="75"/>
      <c r="C30" s="75"/>
      <c r="D30" s="62" t="s">
        <v>58</v>
      </c>
      <c r="E30" s="80"/>
      <c r="F30" s="45"/>
      <c r="G30" s="59" t="s">
        <v>51</v>
      </c>
      <c r="H30" s="11"/>
      <c r="I30" s="9"/>
    </row>
    <row r="31" spans="2:9" ht="21" customHeight="1">
      <c r="B31" s="75"/>
      <c r="C31" s="75"/>
      <c r="D31" s="62" t="s">
        <v>59</v>
      </c>
      <c r="E31" s="80"/>
      <c r="F31" s="45"/>
      <c r="G31" s="59" t="s">
        <v>52</v>
      </c>
      <c r="H31" s="11"/>
      <c r="I31" s="9"/>
    </row>
    <row r="32" spans="2:9" ht="21" customHeight="1">
      <c r="B32" s="75"/>
      <c r="C32" s="75"/>
      <c r="D32" s="62" t="s">
        <v>60</v>
      </c>
      <c r="E32" s="80"/>
      <c r="F32" s="45"/>
      <c r="G32" s="59"/>
      <c r="H32" s="11"/>
      <c r="I32" s="9"/>
    </row>
    <row r="33" spans="1:9" ht="21" customHeight="1">
      <c r="B33" s="75"/>
      <c r="C33" s="75"/>
      <c r="D33" s="62" t="s">
        <v>26</v>
      </c>
      <c r="E33" s="80"/>
      <c r="F33" s="45"/>
      <c r="G33" s="52"/>
      <c r="H33" s="11"/>
      <c r="I33" s="9"/>
    </row>
    <row r="34" spans="1:9" ht="21" customHeight="1">
      <c r="B34" s="75"/>
      <c r="C34" s="76"/>
      <c r="D34" s="62" t="s">
        <v>27</v>
      </c>
      <c r="E34" s="80"/>
      <c r="F34" s="45"/>
      <c r="G34" s="52"/>
      <c r="H34" s="11"/>
      <c r="I34" s="9"/>
    </row>
    <row r="35" spans="1:9" ht="41.25" customHeight="1">
      <c r="B35" s="75"/>
      <c r="C35" s="91" t="s">
        <v>61</v>
      </c>
      <c r="D35" s="83" t="s">
        <v>64</v>
      </c>
      <c r="E35" s="84"/>
      <c r="F35" s="45"/>
      <c r="G35" s="49"/>
      <c r="H35" s="11"/>
      <c r="I35" s="9"/>
    </row>
    <row r="36" spans="1:9" ht="41.25" customHeight="1">
      <c r="B36" s="75"/>
      <c r="C36" s="92" t="s">
        <v>62</v>
      </c>
      <c r="D36" s="85" t="s">
        <v>63</v>
      </c>
      <c r="E36" s="86"/>
      <c r="F36" s="45"/>
      <c r="G36" s="56"/>
      <c r="H36" s="11"/>
      <c r="I36" s="9"/>
    </row>
    <row r="37" spans="1:9" ht="21" customHeight="1">
      <c r="B37" s="75"/>
      <c r="C37" s="43" t="s">
        <v>34</v>
      </c>
      <c r="D37" s="44"/>
      <c r="E37" s="44"/>
      <c r="F37" s="45"/>
      <c r="G37" s="29"/>
      <c r="H37" s="10"/>
      <c r="I37" s="10"/>
    </row>
    <row r="38" spans="1:9" ht="21" customHeight="1">
      <c r="B38" s="75"/>
      <c r="C38" s="43" t="s">
        <v>35</v>
      </c>
      <c r="D38" s="44"/>
      <c r="E38" s="44"/>
      <c r="F38" s="53"/>
      <c r="G38" s="29"/>
      <c r="H38" s="10"/>
      <c r="I38" s="10"/>
    </row>
    <row r="39" spans="1:9" ht="21" customHeight="1">
      <c r="B39" s="77" t="s">
        <v>36</v>
      </c>
      <c r="C39" s="78"/>
      <c r="D39" s="78"/>
      <c r="E39" s="79"/>
      <c r="F39" s="45"/>
      <c r="G39" s="30"/>
      <c r="H39" s="10"/>
      <c r="I39" s="10"/>
    </row>
    <row r="40" spans="1:9" ht="15" customHeight="1">
      <c r="B40" s="10"/>
      <c r="C40" s="10"/>
      <c r="D40" s="34"/>
      <c r="E40" s="34"/>
      <c r="F40" s="35"/>
      <c r="G40" s="9"/>
      <c r="H40" s="9"/>
      <c r="I40" s="9"/>
    </row>
    <row r="41" spans="1:9" ht="18.75" customHeight="1">
      <c r="F41" s="12"/>
      <c r="H41" s="17"/>
    </row>
    <row r="42" spans="1:9" ht="24.95" customHeight="1">
      <c r="A42" s="13"/>
      <c r="B42" s="55" t="s">
        <v>18</v>
      </c>
      <c r="C42" s="13"/>
      <c r="D42" s="13"/>
      <c r="E42" s="13"/>
      <c r="F42" s="13"/>
      <c r="G42" s="13"/>
      <c r="H42" s="15"/>
      <c r="I42" s="14"/>
    </row>
    <row r="43" spans="1:9" ht="24.95" customHeight="1">
      <c r="A43" s="13"/>
      <c r="B43" s="19"/>
      <c r="C43" s="20"/>
      <c r="D43" s="20"/>
      <c r="E43" s="20"/>
      <c r="F43" s="20"/>
      <c r="G43" s="21"/>
      <c r="H43" s="15"/>
      <c r="I43" s="15"/>
    </row>
    <row r="44" spans="1:9" ht="24.95" customHeight="1">
      <c r="A44" s="13"/>
      <c r="B44" s="22" t="s">
        <v>38</v>
      </c>
      <c r="C44" s="15"/>
      <c r="D44" s="15"/>
      <c r="E44" s="15"/>
      <c r="F44" s="15"/>
      <c r="G44" s="23"/>
      <c r="H44" s="15"/>
      <c r="I44" s="15"/>
    </row>
    <row r="45" spans="1:9" ht="24.95" customHeight="1">
      <c r="A45" s="13"/>
      <c r="B45" s="22"/>
      <c r="C45" s="15"/>
      <c r="D45" s="15"/>
      <c r="E45" s="15"/>
      <c r="F45" s="15"/>
      <c r="G45" s="23"/>
      <c r="H45" s="15"/>
      <c r="I45" s="15"/>
    </row>
    <row r="46" spans="1:9" ht="24.95" customHeight="1">
      <c r="A46" s="13"/>
      <c r="B46" s="22" t="s">
        <v>42</v>
      </c>
      <c r="C46" s="24"/>
      <c r="D46" s="24"/>
      <c r="E46" s="15"/>
      <c r="F46" s="16" t="s">
        <v>6</v>
      </c>
      <c r="G46" s="23"/>
      <c r="H46" s="15"/>
      <c r="I46" s="15"/>
    </row>
    <row r="47" spans="1:9" ht="24.95" customHeight="1">
      <c r="A47" s="13"/>
      <c r="B47" s="22" t="s">
        <v>39</v>
      </c>
      <c r="C47" s="15"/>
      <c r="D47" s="15"/>
      <c r="E47" s="24"/>
      <c r="G47" s="57" t="s">
        <v>7</v>
      </c>
      <c r="H47" s="15"/>
      <c r="I47" s="15"/>
    </row>
    <row r="48" spans="1:9" ht="24.95" customHeight="1">
      <c r="A48" s="13"/>
      <c r="B48" s="22" t="s">
        <v>8</v>
      </c>
      <c r="C48" s="24"/>
      <c r="D48" s="15"/>
      <c r="E48" s="15"/>
      <c r="F48" s="15" t="s">
        <v>9</v>
      </c>
      <c r="G48" s="23"/>
      <c r="H48" s="15"/>
      <c r="I48" s="15"/>
    </row>
    <row r="49" spans="1:9" ht="24.95" customHeight="1">
      <c r="A49" s="13"/>
      <c r="B49" s="22" t="s">
        <v>10</v>
      </c>
      <c r="C49" s="24"/>
      <c r="D49" s="15"/>
      <c r="E49" s="15"/>
      <c r="F49" s="15" t="s">
        <v>11</v>
      </c>
      <c r="G49" s="23"/>
      <c r="H49" s="15"/>
      <c r="I49" s="15"/>
    </row>
    <row r="50" spans="1:9" ht="24.95" customHeight="1">
      <c r="A50" s="13"/>
      <c r="B50" s="22" t="s">
        <v>12</v>
      </c>
      <c r="C50" s="15"/>
      <c r="D50" s="15"/>
      <c r="E50" s="24"/>
      <c r="G50" s="57" t="s">
        <v>7</v>
      </c>
      <c r="H50" s="15"/>
      <c r="I50" s="15"/>
    </row>
    <row r="51" spans="1:9" ht="24.95" customHeight="1">
      <c r="A51" s="13"/>
      <c r="B51" s="22" t="s">
        <v>8</v>
      </c>
      <c r="C51" s="24"/>
      <c r="D51" s="15"/>
      <c r="E51" s="15"/>
      <c r="F51" s="15" t="s">
        <v>13</v>
      </c>
      <c r="G51" s="23"/>
      <c r="H51" s="15"/>
      <c r="I51" s="15"/>
    </row>
    <row r="52" spans="1:9" ht="24.95" customHeight="1">
      <c r="A52" s="13"/>
      <c r="B52" s="22" t="s">
        <v>10</v>
      </c>
      <c r="C52" s="24"/>
      <c r="D52" s="15"/>
      <c r="E52" s="15"/>
      <c r="F52" s="15" t="s">
        <v>11</v>
      </c>
      <c r="G52" s="23"/>
      <c r="H52" s="15"/>
      <c r="I52" s="15"/>
    </row>
    <row r="53" spans="1:9" ht="24.95" customHeight="1">
      <c r="A53" s="13"/>
      <c r="B53" s="22" t="s">
        <v>14</v>
      </c>
      <c r="C53" s="15"/>
      <c r="D53" s="15"/>
      <c r="E53" s="15"/>
      <c r="F53" s="15"/>
      <c r="G53" s="57" t="s">
        <v>7</v>
      </c>
      <c r="H53" s="15"/>
      <c r="I53" s="15"/>
    </row>
    <row r="54" spans="1:9" ht="24.95" customHeight="1">
      <c r="A54" s="13"/>
      <c r="B54" s="22" t="s">
        <v>8</v>
      </c>
      <c r="C54" s="24"/>
      <c r="D54" s="15"/>
      <c r="E54" s="15"/>
      <c r="F54" s="15" t="s">
        <v>13</v>
      </c>
      <c r="G54" s="23"/>
      <c r="H54" s="15"/>
      <c r="I54" s="15"/>
    </row>
    <row r="55" spans="1:9" ht="24.95" customHeight="1">
      <c r="A55" s="13"/>
      <c r="B55" s="22" t="s">
        <v>10</v>
      </c>
      <c r="C55" s="24"/>
      <c r="D55" s="15"/>
      <c r="E55" s="15"/>
      <c r="F55" s="15" t="s">
        <v>11</v>
      </c>
      <c r="G55" s="23"/>
      <c r="H55" s="15"/>
      <c r="I55" s="15"/>
    </row>
    <row r="56" spans="1:9" ht="24.95" customHeight="1">
      <c r="A56" s="13"/>
      <c r="B56" s="22"/>
      <c r="C56" s="24"/>
      <c r="D56" s="15"/>
      <c r="E56" s="15"/>
      <c r="F56" s="15"/>
      <c r="G56" s="23"/>
      <c r="H56" s="15"/>
      <c r="I56" s="15"/>
    </row>
    <row r="57" spans="1:9" ht="24.95" customHeight="1">
      <c r="A57" s="13"/>
      <c r="B57" s="22" t="s">
        <v>43</v>
      </c>
      <c r="C57" s="58"/>
      <c r="D57" s="58"/>
      <c r="E57" s="15"/>
      <c r="F57" s="16" t="s">
        <v>6</v>
      </c>
      <c r="G57" s="23"/>
      <c r="H57" s="15"/>
      <c r="I57" s="15"/>
    </row>
    <row r="58" spans="1:9" ht="24.95" customHeight="1">
      <c r="A58" s="13"/>
      <c r="B58" s="22"/>
      <c r="C58" s="58" t="s">
        <v>44</v>
      </c>
      <c r="D58" s="15"/>
      <c r="E58" s="15"/>
      <c r="F58" s="15"/>
      <c r="G58" s="57" t="s">
        <v>7</v>
      </c>
      <c r="H58" s="15"/>
      <c r="I58" s="15"/>
    </row>
    <row r="59" spans="1:9" ht="24.95" customHeight="1">
      <c r="A59" s="13"/>
      <c r="B59" s="22"/>
      <c r="C59" s="58" t="s">
        <v>45</v>
      </c>
      <c r="D59" s="15"/>
      <c r="E59" s="15"/>
      <c r="F59" s="15"/>
      <c r="G59" s="57" t="s">
        <v>7</v>
      </c>
      <c r="H59" s="15"/>
      <c r="I59" s="15"/>
    </row>
    <row r="60" spans="1:9" ht="24.95" customHeight="1">
      <c r="A60" s="13"/>
      <c r="B60" s="22"/>
      <c r="C60" s="58" t="s">
        <v>46</v>
      </c>
      <c r="D60" s="15"/>
      <c r="E60" s="15"/>
      <c r="F60" s="15"/>
      <c r="G60" s="57" t="s">
        <v>7</v>
      </c>
      <c r="H60" s="15"/>
      <c r="I60" s="15"/>
    </row>
    <row r="61" spans="1:9" ht="24.95" customHeight="1">
      <c r="A61" s="13"/>
      <c r="B61" s="22"/>
      <c r="C61" s="58"/>
      <c r="D61" s="15"/>
      <c r="E61" s="15"/>
      <c r="F61" s="15"/>
      <c r="G61" s="23"/>
      <c r="H61" s="15"/>
      <c r="I61" s="15"/>
    </row>
    <row r="62" spans="1:9" ht="24.95" customHeight="1">
      <c r="A62" s="13"/>
      <c r="B62" s="22" t="s">
        <v>47</v>
      </c>
      <c r="C62" s="58"/>
      <c r="D62" s="58"/>
      <c r="E62" s="15"/>
      <c r="F62" s="16" t="s">
        <v>6</v>
      </c>
      <c r="G62" s="23"/>
      <c r="H62" s="15"/>
      <c r="I62" s="15"/>
    </row>
    <row r="63" spans="1:9" ht="24.95" customHeight="1">
      <c r="A63" s="13"/>
      <c r="B63" s="22"/>
      <c r="C63" s="58" t="s">
        <v>44</v>
      </c>
      <c r="D63" s="15"/>
      <c r="E63" s="15"/>
      <c r="F63" s="15"/>
      <c r="G63" s="57" t="s">
        <v>7</v>
      </c>
      <c r="H63" s="15"/>
      <c r="I63" s="15"/>
    </row>
    <row r="64" spans="1:9" ht="24.95" customHeight="1">
      <c r="A64" s="13"/>
      <c r="B64" s="22"/>
      <c r="C64" s="58" t="s">
        <v>45</v>
      </c>
      <c r="D64" s="15"/>
      <c r="E64" s="15"/>
      <c r="F64" s="15"/>
      <c r="G64" s="57" t="s">
        <v>7</v>
      </c>
      <c r="H64" s="15"/>
      <c r="I64" s="15"/>
    </row>
    <row r="65" spans="1:9" ht="24.95" customHeight="1">
      <c r="A65" s="13"/>
      <c r="B65" s="22"/>
      <c r="C65" s="58" t="s">
        <v>46</v>
      </c>
      <c r="D65" s="15"/>
      <c r="E65" s="15"/>
      <c r="F65" s="15"/>
      <c r="G65" s="57" t="s">
        <v>7</v>
      </c>
      <c r="H65" s="15"/>
      <c r="I65" s="15"/>
    </row>
    <row r="66" spans="1:9" ht="24.95" customHeight="1">
      <c r="A66" s="13"/>
      <c r="B66" s="22"/>
      <c r="C66" s="58"/>
      <c r="D66" s="15"/>
      <c r="E66" s="15"/>
      <c r="F66" s="15"/>
      <c r="G66" s="57"/>
      <c r="H66" s="15"/>
      <c r="I66" s="15"/>
    </row>
    <row r="67" spans="1:9" ht="24.95" customHeight="1">
      <c r="A67" s="13"/>
      <c r="B67" s="22" t="s">
        <v>40</v>
      </c>
      <c r="C67" s="58"/>
      <c r="D67" s="15"/>
      <c r="E67" s="15"/>
      <c r="F67" s="16" t="s">
        <v>6</v>
      </c>
      <c r="G67" s="57"/>
      <c r="H67" s="15"/>
      <c r="I67" s="15"/>
    </row>
    <row r="68" spans="1:9" ht="24.95" customHeight="1">
      <c r="A68" s="13"/>
      <c r="B68" s="25"/>
      <c r="C68" s="26"/>
      <c r="D68" s="26"/>
      <c r="E68" s="26"/>
      <c r="F68" s="26"/>
      <c r="G68" s="27"/>
      <c r="H68" s="15"/>
      <c r="I68" s="15"/>
    </row>
    <row r="69" spans="1:9">
      <c r="G69" s="18"/>
      <c r="H69" s="17"/>
    </row>
    <row r="70" spans="1:9">
      <c r="G70" s="18"/>
      <c r="H70" s="17"/>
    </row>
    <row r="71" spans="1:9">
      <c r="G71" s="18"/>
      <c r="H71" s="17"/>
    </row>
    <row r="72" spans="1:9">
      <c r="G72" s="18"/>
      <c r="H72" s="17"/>
    </row>
    <row r="73" spans="1:9">
      <c r="G73" s="18"/>
      <c r="H73" s="17"/>
    </row>
    <row r="74" spans="1:9">
      <c r="G74" s="18"/>
      <c r="H74" s="17"/>
    </row>
    <row r="75" spans="1:9">
      <c r="G75" s="18"/>
      <c r="H75" s="17"/>
    </row>
    <row r="76" spans="1:9">
      <c r="G76" s="18"/>
      <c r="H76" s="17"/>
    </row>
    <row r="77" spans="1:9">
      <c r="G77" s="18"/>
      <c r="H77" s="17"/>
    </row>
    <row r="78" spans="1:9">
      <c r="G78" s="18"/>
      <c r="H78" s="17"/>
    </row>
    <row r="79" spans="1:9">
      <c r="G79" s="18"/>
      <c r="H79" s="17"/>
    </row>
    <row r="80" spans="1:9">
      <c r="G80" s="18"/>
      <c r="H80" s="17"/>
    </row>
    <row r="81" spans="7:8">
      <c r="G81" s="18"/>
      <c r="H81" s="17"/>
    </row>
    <row r="82" spans="7:8">
      <c r="G82" s="18"/>
      <c r="H82" s="17"/>
    </row>
    <row r="83" spans="7:8">
      <c r="G83" s="18"/>
      <c r="H83" s="17"/>
    </row>
    <row r="84" spans="7:8">
      <c r="G84" s="18"/>
      <c r="H84" s="17"/>
    </row>
    <row r="85" spans="7:8">
      <c r="G85" s="18"/>
      <c r="H85" s="17"/>
    </row>
    <row r="86" spans="7:8">
      <c r="G86" s="18"/>
      <c r="H86" s="17"/>
    </row>
    <row r="87" spans="7:8">
      <c r="G87" s="18"/>
      <c r="H87" s="17"/>
    </row>
    <row r="88" spans="7:8">
      <c r="G88" s="18"/>
      <c r="H88" s="17"/>
    </row>
    <row r="89" spans="7:8">
      <c r="G89" s="18"/>
      <c r="H89" s="17"/>
    </row>
    <row r="90" spans="7:8">
      <c r="G90" s="18"/>
      <c r="H90" s="17"/>
    </row>
    <row r="91" spans="7:8">
      <c r="G91" s="18"/>
      <c r="H91" s="17"/>
    </row>
    <row r="92" spans="7:8">
      <c r="G92" s="18"/>
      <c r="H92" s="17"/>
    </row>
    <row r="93" spans="7:8">
      <c r="G93" s="18"/>
      <c r="H93" s="17"/>
    </row>
    <row r="94" spans="7:8">
      <c r="G94" s="18"/>
      <c r="H94" s="17"/>
    </row>
    <row r="95" spans="7:8">
      <c r="G95" s="18"/>
      <c r="H95" s="17"/>
    </row>
    <row r="96" spans="7:8">
      <c r="G96" s="18"/>
      <c r="H96" s="17"/>
    </row>
  </sheetData>
  <mergeCells count="31">
    <mergeCell ref="B39:E39"/>
    <mergeCell ref="D30:E30"/>
    <mergeCell ref="D31:E31"/>
    <mergeCell ref="D14:E14"/>
    <mergeCell ref="D15:E15"/>
    <mergeCell ref="D16:E16"/>
    <mergeCell ref="D24:E24"/>
    <mergeCell ref="D29:E29"/>
    <mergeCell ref="D34:E34"/>
    <mergeCell ref="C17:C21"/>
    <mergeCell ref="C22:C34"/>
    <mergeCell ref="D35:E35"/>
    <mergeCell ref="D36:E36"/>
    <mergeCell ref="D22:E22"/>
    <mergeCell ref="D33:E33"/>
    <mergeCell ref="A3:G3"/>
    <mergeCell ref="A4:G4"/>
    <mergeCell ref="D18:E18"/>
    <mergeCell ref="D23:E23"/>
    <mergeCell ref="B7:E7"/>
    <mergeCell ref="B13:E13"/>
    <mergeCell ref="G14:G16"/>
    <mergeCell ref="B10:E10"/>
    <mergeCell ref="B8:B9"/>
    <mergeCell ref="C14:C16"/>
    <mergeCell ref="B14:B38"/>
    <mergeCell ref="D25:E25"/>
    <mergeCell ref="D26:E26"/>
    <mergeCell ref="D27:E27"/>
    <mergeCell ref="D28:E28"/>
    <mergeCell ref="D32:E32"/>
  </mergeCells>
  <phoneticPr fontId="1"/>
  <pageMargins left="0.70866141732283472" right="0.70866141732283472" top="0.94488188976377963" bottom="0.55118110236220474" header="0.31496062992125984" footer="0.31496062992125984"/>
  <pageSetup paperSize="9" scale="98" fitToHeight="0" orientation="portrait" r:id="rId1"/>
  <rowBreaks count="1" manualBreakCount="1">
    <brk id="40" max="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経費積算内訳書</vt:lpstr>
      <vt:lpstr>経費積算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ko</dc:creator>
  <cp:lastModifiedBy>user</cp:lastModifiedBy>
  <cp:lastPrinted>2024-03-14T06:39:02Z</cp:lastPrinted>
  <dcterms:created xsi:type="dcterms:W3CDTF">2008-01-05T06:13:30Z</dcterms:created>
  <dcterms:modified xsi:type="dcterms:W3CDTF">2024-03-14T06:39:17Z</dcterms:modified>
</cp:coreProperties>
</file>